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6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9-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9-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ergeijk/"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Graphics, logo&#10;&#10;Automatisch gegenereerde beschrijving">
            <a:extLst>
              <a:ext uri="{FF2B5EF4-FFF2-40B4-BE49-F238E27FC236}">
                <a16:creationId xmlns:a16="http://schemas.microsoft.com/office/drawing/2014/main" id="{D57163B2-4F4D-6D72-1D0C-80A52539ACA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8052" y="4429919"/>
            <a:ext cx="2045072" cy="208597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Graphics, logo&#10;&#10;Automatisch gegenereerde beschrijving">
            <a:extLst>
              <a:ext uri="{FF2B5EF4-FFF2-40B4-BE49-F238E27FC236}">
                <a16:creationId xmlns:a16="http://schemas.microsoft.com/office/drawing/2014/main" id="{08DC6013-F0F1-197B-99BE-46701D955EED}"/>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16210" y="3712021"/>
            <a:ext cx="1566641" cy="159797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8-29T08:02:45Z</dcterms:modified>
</cp:coreProperties>
</file>